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688B667" w14:textId="01900D91" w:rsidR="004C27F3" w:rsidRDefault="00275742" w:rsidP="00275742">
      <w:pPr>
        <w:pStyle w:val="Heading1"/>
        <w:jc w:val="center"/>
      </w:pPr>
      <w:r>
        <w:t>AI Assurance</w:t>
      </w:r>
    </w:p>
    <w:p w14:paraId="5B5F2089" w14:textId="77777777" w:rsidR="00275742" w:rsidRDefault="00275742" w:rsidP="00275742"/>
    <w:p w14:paraId="4568E34F" w14:textId="10E5C637" w:rsidR="00275742" w:rsidRDefault="00275742" w:rsidP="00275742">
      <w:pPr>
        <w:pStyle w:val="Heading2"/>
      </w:pPr>
      <w:r>
        <w:t>Inspiration</w:t>
      </w:r>
    </w:p>
    <w:p w14:paraId="2EAEE1D5" w14:textId="77777777" w:rsidR="00275742" w:rsidRDefault="00275742" w:rsidP="00275742"/>
    <w:p w14:paraId="79A2634C" w14:textId="77777777" w:rsidR="00B00A7B" w:rsidRPr="00B00A7B" w:rsidRDefault="00B00A7B" w:rsidP="00B00A7B">
      <w:r w:rsidRPr="00B00A7B">
        <w:t>The following program is inspired by the new European Act on the regulation of AI systems. This regulation encompasses AI systems ranging from rule-based and machine learning to generative AI.</w:t>
      </w:r>
    </w:p>
    <w:p w14:paraId="65C85C3C" w14:textId="77777777" w:rsidR="00B00A7B" w:rsidRPr="00B00A7B" w:rsidRDefault="00B00A7B" w:rsidP="00B00A7B">
      <w:r w:rsidRPr="00B00A7B">
        <w:t xml:space="preserve">The purpose of my application is to ensure that the data used to train machine learning or rule-based models adheres to the Trustworthy AI framework, particularly emphasizing </w:t>
      </w:r>
      <w:proofErr w:type="gramStart"/>
      <w:r w:rsidRPr="00B00A7B">
        <w:t>fairness</w:t>
      </w:r>
      <w:proofErr w:type="gramEnd"/>
      <w:r w:rsidRPr="00B00A7B">
        <w:t xml:space="preserve"> and impartiality.</w:t>
      </w:r>
    </w:p>
    <w:p w14:paraId="52874CED" w14:textId="77777777" w:rsidR="00B00A7B" w:rsidRPr="00B00A7B" w:rsidRDefault="00B00A7B" w:rsidP="00B00A7B">
      <w:r w:rsidRPr="00B00A7B">
        <w:t xml:space="preserve">One of the major objectives of the changes in the European Act is to prevent AI systems from exploiting individuals based on age, disability, social, or economic status. Additionally, these systems are prohibited from making decisions based on biometric data related to political, religious, philosophical beliefs, sexual orientation, and race. For the context of this work, the </w:t>
      </w:r>
      <w:proofErr w:type="gramStart"/>
      <w:r w:rsidRPr="00B00A7B">
        <w:t>aforementioned characteristics</w:t>
      </w:r>
      <w:proofErr w:type="gramEnd"/>
      <w:r w:rsidRPr="00B00A7B">
        <w:t xml:space="preserve"> will be considered as our sensitive features.</w:t>
      </w:r>
    </w:p>
    <w:p w14:paraId="2B9F05DA" w14:textId="77777777" w:rsidR="00B00A7B" w:rsidRPr="00B00A7B" w:rsidRDefault="00B00A7B" w:rsidP="00B00A7B">
      <w:r w:rsidRPr="00B00A7B">
        <w:t>The goal of my application is to examine the data used to train and test models, identifying any bias or discrimination toward the sensitive features that the Act aims to protect.</w:t>
      </w:r>
    </w:p>
    <w:p w14:paraId="0EB0494D" w14:textId="77777777" w:rsidR="00B00A7B" w:rsidRPr="00B00A7B" w:rsidRDefault="00B00A7B" w:rsidP="00B00A7B">
      <w:r w:rsidRPr="00B00A7B">
        <w:t>Currently, the approach is designed for binary classification models, with plans to extend this framework to multiple models in the future.</w:t>
      </w:r>
    </w:p>
    <w:p w14:paraId="657AF00B" w14:textId="77777777" w:rsidR="007031E7" w:rsidRDefault="007031E7" w:rsidP="00275742"/>
    <w:p w14:paraId="19BED6DC" w14:textId="3EE08B26" w:rsidR="007031E7" w:rsidRDefault="007031E7" w:rsidP="007031E7">
      <w:pPr>
        <w:pStyle w:val="Heading2"/>
      </w:pPr>
      <w:r>
        <w:t>Other Work</w:t>
      </w:r>
    </w:p>
    <w:p w14:paraId="08A18DF3" w14:textId="77777777" w:rsidR="007031E7" w:rsidRDefault="007031E7" w:rsidP="007031E7"/>
    <w:p w14:paraId="48BA29B4" w14:textId="7946C771" w:rsidR="000E7586" w:rsidRDefault="000E7586" w:rsidP="007031E7">
      <w:r w:rsidRPr="000E7586">
        <w:t>The application I've developed builds upon previous work and approaches in this area, such as:</w:t>
      </w:r>
    </w:p>
    <w:p w14:paraId="3DFF7769" w14:textId="533955C8" w:rsidR="007031E7" w:rsidRDefault="007031E7" w:rsidP="007031E7">
      <w:pPr>
        <w:pStyle w:val="ListParagraph"/>
        <w:numPr>
          <w:ilvl w:val="0"/>
          <w:numId w:val="1"/>
        </w:numPr>
      </w:pPr>
      <w:r>
        <w:t xml:space="preserve">Aif360, created by </w:t>
      </w:r>
      <w:proofErr w:type="gramStart"/>
      <w:r>
        <w:t>IBM</w:t>
      </w:r>
      <w:proofErr w:type="gramEnd"/>
    </w:p>
    <w:p w14:paraId="6F565600" w14:textId="17A03FE6" w:rsidR="007031E7" w:rsidRDefault="007031E7" w:rsidP="007031E7">
      <w:pPr>
        <w:pStyle w:val="ListParagraph"/>
        <w:numPr>
          <w:ilvl w:val="0"/>
          <w:numId w:val="1"/>
        </w:numPr>
      </w:pPr>
      <w:proofErr w:type="spellStart"/>
      <w:r>
        <w:t>F</w:t>
      </w:r>
      <w:r w:rsidR="00141C3F">
        <w:t>airlearn</w:t>
      </w:r>
      <w:proofErr w:type="spellEnd"/>
      <w:r w:rsidR="00141C3F">
        <w:t xml:space="preserve">, used for </w:t>
      </w:r>
      <w:proofErr w:type="gramStart"/>
      <w:r w:rsidR="00141C3F">
        <w:t>mitigation</w:t>
      </w:r>
      <w:proofErr w:type="gramEnd"/>
    </w:p>
    <w:p w14:paraId="77681340" w14:textId="0F2F0076" w:rsidR="007031E7" w:rsidRDefault="00874DCB" w:rsidP="007031E7">
      <w:pPr>
        <w:pStyle w:val="ListParagraph"/>
        <w:numPr>
          <w:ilvl w:val="0"/>
          <w:numId w:val="1"/>
        </w:numPr>
      </w:pPr>
      <w:proofErr w:type="spellStart"/>
      <w:r>
        <w:t>InterpretML</w:t>
      </w:r>
      <w:proofErr w:type="spellEnd"/>
      <w:r>
        <w:t xml:space="preserve">, used to interpret black-box ML </w:t>
      </w:r>
      <w:proofErr w:type="gramStart"/>
      <w:r>
        <w:t>models</w:t>
      </w:r>
      <w:proofErr w:type="gramEnd"/>
    </w:p>
    <w:p w14:paraId="17B32ED7" w14:textId="22297233" w:rsidR="00874DCB" w:rsidRDefault="00874DCB" w:rsidP="007031E7">
      <w:pPr>
        <w:pStyle w:val="ListParagraph"/>
        <w:numPr>
          <w:ilvl w:val="0"/>
          <w:numId w:val="1"/>
        </w:numPr>
      </w:pPr>
      <w:r>
        <w:t>Google What-If</w:t>
      </w:r>
    </w:p>
    <w:p w14:paraId="75AA20FF" w14:textId="1E8FC7BB" w:rsidR="005310A7" w:rsidRDefault="005310A7" w:rsidP="007031E7">
      <w:pPr>
        <w:pStyle w:val="ListParagraph"/>
        <w:numPr>
          <w:ilvl w:val="0"/>
          <w:numId w:val="1"/>
        </w:numPr>
      </w:pPr>
      <w:r>
        <w:t>HELM, analysis of bias</w:t>
      </w:r>
      <w:r w:rsidR="00F27179">
        <w:t xml:space="preserve"> and</w:t>
      </w:r>
      <w:r>
        <w:t xml:space="preserve"> fairness</w:t>
      </w:r>
      <w:r w:rsidR="00F27179">
        <w:t xml:space="preserve"> on </w:t>
      </w:r>
      <w:r>
        <w:t xml:space="preserve">LLM created by </w:t>
      </w:r>
      <w:proofErr w:type="gramStart"/>
      <w:r>
        <w:t>Stanford</w:t>
      </w:r>
      <w:proofErr w:type="gramEnd"/>
    </w:p>
    <w:p w14:paraId="59FB47D8" w14:textId="77777777" w:rsidR="000E7586" w:rsidRDefault="000E7586" w:rsidP="000E7586">
      <w:pPr>
        <w:pStyle w:val="ListParagraph"/>
      </w:pPr>
    </w:p>
    <w:p w14:paraId="36575C2C" w14:textId="03EB4D4C" w:rsidR="00F4758B" w:rsidRDefault="00F4758B" w:rsidP="007031E7">
      <w:r w:rsidRPr="00F4758B">
        <w:t>Additionally, my work was inspired by research conducted at Deloitte, notably:</w:t>
      </w:r>
    </w:p>
    <w:p w14:paraId="05BE75BA" w14:textId="59A1EB32" w:rsidR="007031E7" w:rsidRPr="00CF611E" w:rsidRDefault="00CF611E" w:rsidP="00CF611E">
      <w:pPr>
        <w:pStyle w:val="ListParagraph"/>
        <w:numPr>
          <w:ilvl w:val="0"/>
          <w:numId w:val="2"/>
        </w:numPr>
      </w:pPr>
      <w:r>
        <w:t>“</w:t>
      </w:r>
      <w:r w:rsidRPr="00CF611E">
        <w:t>Ensuring Reliable AI in Real World Situations</w:t>
      </w:r>
      <w:r>
        <w:t>” by Deloitte Germany</w:t>
      </w:r>
    </w:p>
    <w:p w14:paraId="5301AAC2" w14:textId="2F038611" w:rsidR="006F09B7" w:rsidRDefault="00DC2B01" w:rsidP="007031E7">
      <w:pPr>
        <w:pStyle w:val="ListParagraph"/>
        <w:numPr>
          <w:ilvl w:val="0"/>
          <w:numId w:val="2"/>
        </w:numPr>
      </w:pPr>
      <w:r>
        <w:t>“</w:t>
      </w:r>
      <w:r w:rsidRPr="00DC2B01">
        <w:t>Artificial Intelligence Act</w:t>
      </w:r>
      <w:r>
        <w:t xml:space="preserve">” by </w:t>
      </w:r>
      <w:r w:rsidR="00016031">
        <w:t xml:space="preserve">Deloitte Germany </w:t>
      </w:r>
    </w:p>
    <w:p w14:paraId="02384AF2" w14:textId="77777777" w:rsidR="00CB0AB2" w:rsidRDefault="00CB0AB2" w:rsidP="00CB0AB2">
      <w:pPr>
        <w:pStyle w:val="ListParagraph"/>
      </w:pPr>
    </w:p>
    <w:p w14:paraId="01803604" w14:textId="0FDCFF1F" w:rsidR="006F09B7" w:rsidRDefault="00C228AC" w:rsidP="006F09B7">
      <w:r>
        <w:t xml:space="preserve">My application, </w:t>
      </w:r>
      <w:r w:rsidR="00C43BBE">
        <w:t xml:space="preserve">follows </w:t>
      </w:r>
      <w:r w:rsidR="00CF611E">
        <w:t>two</w:t>
      </w:r>
      <w:r w:rsidR="002861BF">
        <w:t xml:space="preserve"> main</w:t>
      </w:r>
      <w:r w:rsidR="00C43BBE">
        <w:t xml:space="preserve"> steps:</w:t>
      </w:r>
    </w:p>
    <w:p w14:paraId="438DE3E0" w14:textId="7265DA33" w:rsidR="00C43BBE" w:rsidRDefault="00C43BBE" w:rsidP="00C43BBE">
      <w:pPr>
        <w:pStyle w:val="ListParagraph"/>
        <w:numPr>
          <w:ilvl w:val="0"/>
          <w:numId w:val="3"/>
        </w:numPr>
      </w:pPr>
      <w:r>
        <w:t xml:space="preserve">Python scrip that identifies differences across training and testing splits </w:t>
      </w:r>
      <w:r w:rsidR="002861BF">
        <w:t>for</w:t>
      </w:r>
      <w:r>
        <w:t xml:space="preserve"> the </w:t>
      </w:r>
      <w:r w:rsidR="002861BF">
        <w:t>sensitive</w:t>
      </w:r>
      <w:r>
        <w:t xml:space="preserve"> features.</w:t>
      </w:r>
    </w:p>
    <w:p w14:paraId="029B373E" w14:textId="39AF9BE3" w:rsidR="00C43BBE" w:rsidRDefault="00C43BBE" w:rsidP="00C43BBE">
      <w:pPr>
        <w:pStyle w:val="ListParagraph"/>
        <w:numPr>
          <w:ilvl w:val="0"/>
          <w:numId w:val="3"/>
        </w:numPr>
      </w:pPr>
      <w:r>
        <w:t xml:space="preserve">Tableau dashboard to allow a visualisation across the </w:t>
      </w:r>
      <w:r w:rsidR="00CD32DB">
        <w:t>splits</w:t>
      </w:r>
      <w:r w:rsidR="00CB0AB2">
        <w:t xml:space="preserve"> and outcomes of the model.</w:t>
      </w:r>
    </w:p>
    <w:p w14:paraId="0E4A6CFF" w14:textId="77777777" w:rsidR="00CD32DB" w:rsidRDefault="00CD32DB" w:rsidP="00CD32DB"/>
    <w:p w14:paraId="7332AB67" w14:textId="5B58744E" w:rsidR="00A40C57" w:rsidRDefault="00A40C57" w:rsidP="00A40C57">
      <w:pPr>
        <w:pStyle w:val="Heading2"/>
      </w:pPr>
      <w:r>
        <w:lastRenderedPageBreak/>
        <w:t>Dataset</w:t>
      </w:r>
    </w:p>
    <w:p w14:paraId="2C68054D" w14:textId="77777777" w:rsidR="00A40C57" w:rsidRDefault="00A40C57" w:rsidP="00A40C57"/>
    <w:p w14:paraId="6724D34E" w14:textId="77777777" w:rsidR="004E77F9" w:rsidRDefault="00A40C57" w:rsidP="004E77F9">
      <w:r>
        <w:t>For the following work, I used as a</w:t>
      </w:r>
      <w:r w:rsidR="004E77F9">
        <w:t xml:space="preserve"> data example the COMPAS dataset:</w:t>
      </w:r>
    </w:p>
    <w:p w14:paraId="7502EDA6" w14:textId="0ACB3B25" w:rsidR="00A40C57" w:rsidRPr="00A40C57" w:rsidRDefault="004E77F9" w:rsidP="004E77F9">
      <w:r>
        <w:t>The COMPAS dataset is a collection of data used in the development of the COMPAS (Correctional Offender Management Profiling for Alternative Sanctions) algorithm, which is a tool utilized in the criminal justice system for risk assessment and sentencing decisions. It includes various demographic and criminal history information about individuals, such as age, gender, race, prior convictions, and recidivism outcomes. This dataset has been a subject of scrutiny and analysis due to concerns about potential biases in the algorithm's predictions, particularly regarding racial disparities in sentencing outcomes</w:t>
      </w:r>
      <w:r>
        <w:t>.</w:t>
      </w:r>
    </w:p>
    <w:p w14:paraId="3B6D4824" w14:textId="77777777" w:rsidR="00E319CD" w:rsidRDefault="00E319CD" w:rsidP="00CD32DB"/>
    <w:p w14:paraId="543F8F82" w14:textId="6814C060" w:rsidR="00CD32DB" w:rsidRDefault="00CD32DB" w:rsidP="00CD32DB">
      <w:pPr>
        <w:pStyle w:val="Heading2"/>
      </w:pPr>
      <w:r>
        <w:t>Python Script</w:t>
      </w:r>
    </w:p>
    <w:p w14:paraId="4EF3459C" w14:textId="77777777" w:rsidR="00CD32DB" w:rsidRDefault="00CD32DB" w:rsidP="00CD32DB"/>
    <w:p w14:paraId="3911B96A" w14:textId="77777777" w:rsidR="00C02DE5" w:rsidRPr="00C02DE5" w:rsidRDefault="00C02DE5" w:rsidP="00C02DE5">
      <w:r w:rsidRPr="00C02DE5">
        <w:t>This script takes three different datasets as input:</w:t>
      </w:r>
    </w:p>
    <w:p w14:paraId="7802E86D" w14:textId="77777777" w:rsidR="00C02DE5" w:rsidRPr="00C02DE5" w:rsidRDefault="00C02DE5" w:rsidP="00C02DE5">
      <w:pPr>
        <w:pStyle w:val="ListParagraph"/>
        <w:numPr>
          <w:ilvl w:val="0"/>
          <w:numId w:val="11"/>
        </w:numPr>
      </w:pPr>
      <w:r w:rsidRPr="00C02DE5">
        <w:t>Training: This dataset is used to train the model.</w:t>
      </w:r>
    </w:p>
    <w:p w14:paraId="229BA465" w14:textId="77777777" w:rsidR="00C02DE5" w:rsidRPr="00C02DE5" w:rsidRDefault="00C02DE5" w:rsidP="00C02DE5">
      <w:pPr>
        <w:pStyle w:val="ListParagraph"/>
        <w:numPr>
          <w:ilvl w:val="0"/>
          <w:numId w:val="11"/>
        </w:numPr>
      </w:pPr>
      <w:r w:rsidRPr="00C02DE5">
        <w:t>Testing: This dataset is used to test the model.</w:t>
      </w:r>
    </w:p>
    <w:p w14:paraId="47FE87D7" w14:textId="77777777" w:rsidR="00C02DE5" w:rsidRDefault="00C02DE5" w:rsidP="00C02DE5">
      <w:pPr>
        <w:pStyle w:val="ListParagraph"/>
        <w:numPr>
          <w:ilvl w:val="0"/>
          <w:numId w:val="11"/>
        </w:numPr>
      </w:pPr>
      <w:r w:rsidRPr="00C02DE5">
        <w:t>Outcome: This dataset contains the model's predictions based on the testing data.</w:t>
      </w:r>
    </w:p>
    <w:p w14:paraId="49898853" w14:textId="77777777" w:rsidR="00C02DE5" w:rsidRPr="00C02DE5" w:rsidRDefault="00C02DE5" w:rsidP="00C02DE5">
      <w:pPr>
        <w:pStyle w:val="ListParagraph"/>
      </w:pPr>
    </w:p>
    <w:p w14:paraId="0AAE1215" w14:textId="77777777" w:rsidR="00C02DE5" w:rsidRPr="00C02DE5" w:rsidRDefault="00C02DE5" w:rsidP="00C02DE5">
      <w:r w:rsidRPr="00C02DE5">
        <w:t>The datasets must adhere to a specific format in naming the features, using underscores ("_") as separators:</w:t>
      </w:r>
    </w:p>
    <w:p w14:paraId="52F87456" w14:textId="77777777" w:rsidR="00C02DE5" w:rsidRPr="00C02DE5" w:rsidRDefault="00C02DE5" w:rsidP="00C02DE5">
      <w:pPr>
        <w:pStyle w:val="ListParagraph"/>
        <w:numPr>
          <w:ilvl w:val="0"/>
          <w:numId w:val="12"/>
        </w:numPr>
      </w:pPr>
      <w:proofErr w:type="spellStart"/>
      <w:r w:rsidRPr="00C02DE5">
        <w:t>sen</w:t>
      </w:r>
      <w:proofErr w:type="spellEnd"/>
      <w:r w:rsidRPr="00C02DE5">
        <w:t>: This prefix identifies the sensitive categories we aim to investigate for fairness.</w:t>
      </w:r>
    </w:p>
    <w:p w14:paraId="2093F6BD" w14:textId="77777777" w:rsidR="00C02DE5" w:rsidRPr="00C02DE5" w:rsidRDefault="00C02DE5" w:rsidP="00C02DE5">
      <w:pPr>
        <w:pStyle w:val="ListParagraph"/>
        <w:numPr>
          <w:ilvl w:val="0"/>
          <w:numId w:val="12"/>
        </w:numPr>
      </w:pPr>
      <w:proofErr w:type="spellStart"/>
      <w:r w:rsidRPr="00C02DE5">
        <w:t>cat</w:t>
      </w:r>
      <w:proofErr w:type="spellEnd"/>
      <w:r w:rsidRPr="00C02DE5">
        <w:t>: This prefix denotes that the feature is categorical.</w:t>
      </w:r>
    </w:p>
    <w:p w14:paraId="676D6EEC" w14:textId="77777777" w:rsidR="00C02DE5" w:rsidRPr="00C02DE5" w:rsidRDefault="00C02DE5" w:rsidP="00C02DE5">
      <w:pPr>
        <w:pStyle w:val="ListParagraph"/>
        <w:numPr>
          <w:ilvl w:val="0"/>
          <w:numId w:val="12"/>
        </w:numPr>
      </w:pPr>
      <w:r w:rsidRPr="00C02DE5">
        <w:t>count: This prefix indicates that the feature is continuous.</w:t>
      </w:r>
    </w:p>
    <w:p w14:paraId="6C4551C3" w14:textId="77777777" w:rsidR="00C02DE5" w:rsidRPr="00C02DE5" w:rsidRDefault="00C02DE5" w:rsidP="00C02DE5">
      <w:pPr>
        <w:pStyle w:val="ListParagraph"/>
        <w:numPr>
          <w:ilvl w:val="0"/>
          <w:numId w:val="12"/>
        </w:numPr>
      </w:pPr>
      <w:proofErr w:type="spellStart"/>
      <w:r w:rsidRPr="00C02DE5">
        <w:t>pred_feat</w:t>
      </w:r>
      <w:proofErr w:type="spellEnd"/>
      <w:r w:rsidRPr="00C02DE5">
        <w:t>: This is the feature we are trying to predict.</w:t>
      </w:r>
    </w:p>
    <w:p w14:paraId="3A5E939C" w14:textId="77777777" w:rsidR="00C02DE5" w:rsidRPr="00C02DE5" w:rsidRDefault="00C02DE5" w:rsidP="00C02DE5">
      <w:pPr>
        <w:pStyle w:val="ListParagraph"/>
        <w:numPr>
          <w:ilvl w:val="0"/>
          <w:numId w:val="12"/>
        </w:numPr>
      </w:pPr>
      <w:r w:rsidRPr="00C02DE5">
        <w:t>prediction: This is the model's outcome prediction.</w:t>
      </w:r>
    </w:p>
    <w:p w14:paraId="3C6BAE9A" w14:textId="77777777" w:rsidR="000B0DE3" w:rsidRDefault="000B0DE3" w:rsidP="00B53E36"/>
    <w:p w14:paraId="45362E99" w14:textId="77335D18" w:rsidR="002D3EA3" w:rsidRDefault="006954F1" w:rsidP="00B53E36">
      <w:r w:rsidRPr="006954F1">
        <w:t>The script is divided into two parts. First, it tests whether the splits between training and testing data are even. The second part investigates whether the model's outcomes are fair and impartial among members of a sensitive group.</w:t>
      </w:r>
    </w:p>
    <w:p w14:paraId="31DFB6D8" w14:textId="77777777" w:rsidR="005270B6" w:rsidRDefault="005270B6" w:rsidP="00B53E36"/>
    <w:p w14:paraId="48CC350F" w14:textId="204BFC3B" w:rsidR="005270B6" w:rsidRPr="002D3EA3" w:rsidRDefault="002D3EA3" w:rsidP="00B53E36">
      <w:pPr>
        <w:rPr>
          <w:b/>
          <w:bCs/>
        </w:rPr>
      </w:pPr>
      <w:r>
        <w:rPr>
          <w:b/>
          <w:bCs/>
        </w:rPr>
        <w:t>Testing Splits</w:t>
      </w:r>
    </w:p>
    <w:p w14:paraId="28E9EDB6" w14:textId="77777777" w:rsidR="00D509A8" w:rsidRPr="00D509A8" w:rsidRDefault="00D509A8" w:rsidP="00D509A8">
      <w:r w:rsidRPr="00D509A8">
        <w:t>The purpose of testing for even splits is to identify any potential inherent biases in the model and during its creation. The testing process will be as follows:</w:t>
      </w:r>
    </w:p>
    <w:p w14:paraId="31511F68" w14:textId="77777777" w:rsidR="00D509A8" w:rsidRPr="00D509A8" w:rsidRDefault="00D509A8" w:rsidP="00D509A8">
      <w:pPr>
        <w:pStyle w:val="ListParagraph"/>
        <w:numPr>
          <w:ilvl w:val="0"/>
          <w:numId w:val="13"/>
        </w:numPr>
      </w:pPr>
      <w:r w:rsidRPr="00D509A8">
        <w:t>Test for an even distribution between groups.</w:t>
      </w:r>
    </w:p>
    <w:p w14:paraId="102EACC7" w14:textId="77777777" w:rsidR="00D509A8" w:rsidRPr="00D509A8" w:rsidRDefault="00D509A8" w:rsidP="00D509A8">
      <w:pPr>
        <w:pStyle w:val="ListParagraph"/>
        <w:numPr>
          <w:ilvl w:val="0"/>
          <w:numId w:val="13"/>
        </w:numPr>
      </w:pPr>
      <w:r w:rsidRPr="00D509A8">
        <w:t>For each sensitive group, create subgroups for each member across the other sensitive groups.</w:t>
      </w:r>
    </w:p>
    <w:p w14:paraId="69A71985" w14:textId="09DE90C2" w:rsidR="00D509A8" w:rsidRDefault="00D509A8" w:rsidP="00D509A8">
      <w:pPr>
        <w:pStyle w:val="ListParagraph"/>
        <w:numPr>
          <w:ilvl w:val="0"/>
          <w:numId w:val="13"/>
        </w:numPr>
      </w:pPr>
      <w:r w:rsidRPr="00D509A8">
        <w:t>Using the real values of the feature to be predicted, subcategorize the sensitive groups to determine if each split has the same</w:t>
      </w:r>
      <w:r w:rsidR="00D01DE5">
        <w:t xml:space="preserve"> predicted</w:t>
      </w:r>
      <w:r w:rsidRPr="00D509A8">
        <w:t xml:space="preserve"> distribution.</w:t>
      </w:r>
    </w:p>
    <w:p w14:paraId="2ED465AA" w14:textId="77777777" w:rsidR="004E77F9" w:rsidRDefault="004E77F9" w:rsidP="00CF611E"/>
    <w:p w14:paraId="61787164" w14:textId="31A8ABD2" w:rsidR="00CF611E" w:rsidRDefault="00CF611E" w:rsidP="00CF611E">
      <w:r>
        <w:lastRenderedPageBreak/>
        <w:t xml:space="preserve">Types of tests </w:t>
      </w:r>
      <w:r w:rsidR="004479B1">
        <w:t>included on</w:t>
      </w:r>
      <w:r>
        <w:t xml:space="preserve"> </w:t>
      </w:r>
      <w:r w:rsidR="004479B1">
        <w:t>scripts</w:t>
      </w:r>
      <w:r>
        <w:t>:</w:t>
      </w:r>
    </w:p>
    <w:p w14:paraId="16373ED7" w14:textId="2837DB34" w:rsidR="00CF611E" w:rsidRDefault="00E25AE7" w:rsidP="00CF611E">
      <w:pPr>
        <w:pStyle w:val="ListParagraph"/>
        <w:numPr>
          <w:ilvl w:val="0"/>
          <w:numId w:val="15"/>
        </w:numPr>
      </w:pPr>
      <w:r>
        <w:t>Chi-squared</w:t>
      </w:r>
    </w:p>
    <w:p w14:paraId="340C66D4" w14:textId="70381070" w:rsidR="00E25AE7" w:rsidRDefault="00E25AE7" w:rsidP="00CF611E">
      <w:pPr>
        <w:pStyle w:val="ListParagraph"/>
        <w:numPr>
          <w:ilvl w:val="0"/>
          <w:numId w:val="15"/>
        </w:numPr>
      </w:pPr>
      <w:r w:rsidRPr="00E25AE7">
        <w:t>Kolmogorov-Smirnov</w:t>
      </w:r>
    </w:p>
    <w:p w14:paraId="4F883FF4" w14:textId="2E855746" w:rsidR="00E25AE7" w:rsidRPr="00CF611E" w:rsidRDefault="00E25AE7" w:rsidP="00CF611E">
      <w:pPr>
        <w:pStyle w:val="ListParagraph"/>
        <w:numPr>
          <w:ilvl w:val="0"/>
          <w:numId w:val="15"/>
        </w:numPr>
      </w:pPr>
      <w:r>
        <w:t>Proportion Difference</w:t>
      </w:r>
      <w:r w:rsidR="004479B1">
        <w:t>s Z-Test</w:t>
      </w:r>
    </w:p>
    <w:p w14:paraId="0C010FD7" w14:textId="77777777" w:rsidR="001E79A1" w:rsidRDefault="001E79A1" w:rsidP="00B53E36"/>
    <w:p w14:paraId="1E63418E" w14:textId="5DDAC148" w:rsidR="002D3EA3" w:rsidRDefault="002D3EA3" w:rsidP="00392C5F">
      <w:pPr>
        <w:rPr>
          <w:b/>
          <w:bCs/>
        </w:rPr>
      </w:pPr>
      <w:r>
        <w:rPr>
          <w:b/>
          <w:bCs/>
        </w:rPr>
        <w:t>Evaluate the Outcomes</w:t>
      </w:r>
    </w:p>
    <w:p w14:paraId="20605983" w14:textId="55486066" w:rsidR="007A15C4" w:rsidRDefault="007A15C4" w:rsidP="00392C5F">
      <w:r w:rsidRPr="007A15C4">
        <w:t>After evaluating the splits between both datasets, we will assess the outcomes of the predictions using the following metrics:</w:t>
      </w:r>
    </w:p>
    <w:p w14:paraId="1535C891" w14:textId="77777777" w:rsidR="001F2717" w:rsidRPr="000D2C54" w:rsidRDefault="001F2717" w:rsidP="000D2C54">
      <w:pPr>
        <w:pStyle w:val="ListParagraph"/>
        <w:numPr>
          <w:ilvl w:val="0"/>
          <w:numId w:val="10"/>
        </w:numPr>
      </w:pPr>
      <w:r w:rsidRPr="000D2C54">
        <w:rPr>
          <w:b/>
          <w:bCs/>
        </w:rPr>
        <w:t>Precision</w:t>
      </w:r>
      <w:r w:rsidRPr="000D2C54">
        <w:t>: The ratio of correctly predicted positive observations to the total predicted positives. It shows how accurate the positive predictions are.</w:t>
      </w:r>
    </w:p>
    <w:p w14:paraId="4B5C29EF" w14:textId="77777777" w:rsidR="001F2717" w:rsidRPr="000D2C54" w:rsidRDefault="001F2717" w:rsidP="000D2C54">
      <w:pPr>
        <w:pStyle w:val="ListParagraph"/>
        <w:numPr>
          <w:ilvl w:val="0"/>
          <w:numId w:val="10"/>
        </w:numPr>
      </w:pPr>
      <w:r w:rsidRPr="000D2C54">
        <w:rPr>
          <w:b/>
          <w:bCs/>
        </w:rPr>
        <w:t>Recall</w:t>
      </w:r>
      <w:r w:rsidRPr="000D2C54">
        <w:t>: The ratio of correctly predicted positive observations to all actual positives. It measures how well the model identifies actual positives.</w:t>
      </w:r>
    </w:p>
    <w:p w14:paraId="29C185B3" w14:textId="77777777" w:rsidR="001F2717" w:rsidRPr="000D2C54" w:rsidRDefault="001F2717" w:rsidP="000D2C54">
      <w:pPr>
        <w:pStyle w:val="ListParagraph"/>
        <w:numPr>
          <w:ilvl w:val="0"/>
          <w:numId w:val="10"/>
        </w:numPr>
      </w:pPr>
      <w:r w:rsidRPr="000D2C54">
        <w:rPr>
          <w:b/>
          <w:bCs/>
        </w:rPr>
        <w:t>F1 Score</w:t>
      </w:r>
      <w:r w:rsidRPr="000D2C54">
        <w:t>: The harmonic mean of precision and recall, providing a balance between them. It combines both to give a single measure of the model's accuracy.</w:t>
      </w:r>
    </w:p>
    <w:p w14:paraId="0032EFA2" w14:textId="77777777" w:rsidR="001F2717" w:rsidRPr="000D2C54" w:rsidRDefault="001F2717" w:rsidP="000D2C54">
      <w:pPr>
        <w:pStyle w:val="ListParagraph"/>
        <w:numPr>
          <w:ilvl w:val="0"/>
          <w:numId w:val="10"/>
        </w:numPr>
      </w:pPr>
      <w:r w:rsidRPr="000D2C54">
        <w:rPr>
          <w:b/>
          <w:bCs/>
        </w:rPr>
        <w:t>True Negatives Ratio</w:t>
      </w:r>
      <w:r w:rsidRPr="000D2C54">
        <w:t>: The proportion of actual negatives correctly identified. It reflects the model's accuracy in identifying negative instances.</w:t>
      </w:r>
    </w:p>
    <w:p w14:paraId="3D1FD7E5" w14:textId="77777777" w:rsidR="001F2717" w:rsidRPr="000D2C54" w:rsidRDefault="001F2717" w:rsidP="000D2C54">
      <w:pPr>
        <w:pStyle w:val="ListParagraph"/>
        <w:numPr>
          <w:ilvl w:val="0"/>
          <w:numId w:val="10"/>
        </w:numPr>
      </w:pPr>
      <w:r w:rsidRPr="000D2C54">
        <w:rPr>
          <w:b/>
          <w:bCs/>
        </w:rPr>
        <w:t>False Positives Ratio</w:t>
      </w:r>
      <w:r w:rsidRPr="000D2C54">
        <w:t>: The proportion of actual negatives incorrectly identified as positive. It shows how often the model is wrong on negatives.</w:t>
      </w:r>
    </w:p>
    <w:p w14:paraId="09AA2EF5" w14:textId="77777777" w:rsidR="001F2717" w:rsidRPr="000D2C54" w:rsidRDefault="001F2717" w:rsidP="000D2C54">
      <w:pPr>
        <w:pStyle w:val="ListParagraph"/>
        <w:numPr>
          <w:ilvl w:val="0"/>
          <w:numId w:val="10"/>
        </w:numPr>
      </w:pPr>
      <w:r w:rsidRPr="000D2C54">
        <w:rPr>
          <w:b/>
          <w:bCs/>
        </w:rPr>
        <w:t>False Negatives Ratio</w:t>
      </w:r>
      <w:r w:rsidRPr="000D2C54">
        <w:t>: The proportion of actual positives incorrectly identified as negative. It indicates the rate at which positives are missed.</w:t>
      </w:r>
    </w:p>
    <w:p w14:paraId="60D828CC" w14:textId="77777777" w:rsidR="001F2717" w:rsidRDefault="001F2717" w:rsidP="000D2C54">
      <w:pPr>
        <w:pStyle w:val="ListParagraph"/>
        <w:numPr>
          <w:ilvl w:val="0"/>
          <w:numId w:val="10"/>
        </w:numPr>
      </w:pPr>
      <w:r w:rsidRPr="000D2C54">
        <w:rPr>
          <w:b/>
          <w:bCs/>
        </w:rPr>
        <w:t>True Positives Ratio</w:t>
      </w:r>
      <w:r w:rsidRPr="000D2C54">
        <w:t xml:space="preserve">: </w:t>
      </w:r>
      <w:proofErr w:type="gramStart"/>
      <w:r w:rsidRPr="000D2C54">
        <w:t>Similar to</w:t>
      </w:r>
      <w:proofErr w:type="gramEnd"/>
      <w:r w:rsidRPr="000D2C54">
        <w:t xml:space="preserve"> recall, it measures the proportion of actual positives correctly identified. It focuses on the model's effectiveness in predicting positives.</w:t>
      </w:r>
    </w:p>
    <w:p w14:paraId="7E46ED5F" w14:textId="77777777" w:rsidR="00713465" w:rsidRPr="000D2C54" w:rsidRDefault="00713465" w:rsidP="00713465">
      <w:pPr>
        <w:pStyle w:val="ListParagraph"/>
      </w:pPr>
    </w:p>
    <w:p w14:paraId="22D77B47" w14:textId="77777777" w:rsidR="00713465" w:rsidRDefault="00713465" w:rsidP="00713465">
      <w:r w:rsidRPr="00713465">
        <w:t xml:space="preserve">After evaluating the model's output, we will segment the data based on the sensitive features and apply the same metrics to detect any significant disparities across specific groups. This analysis </w:t>
      </w:r>
      <w:proofErr w:type="gramStart"/>
      <w:r w:rsidRPr="00713465">
        <w:t>will</w:t>
      </w:r>
      <w:proofErr w:type="gramEnd"/>
      <w:r w:rsidRPr="00713465">
        <w:t xml:space="preserve"> help us identify if any group associated with a sensitive feature experiences significantly better or worse outcomes compared to the general population (entire dataset).</w:t>
      </w:r>
    </w:p>
    <w:p w14:paraId="1FF8D10D" w14:textId="77777777" w:rsidR="00713465" w:rsidRDefault="00713465" w:rsidP="00713465"/>
    <w:p w14:paraId="5B419B0F" w14:textId="77777777" w:rsidR="00713465" w:rsidRDefault="00713465" w:rsidP="00713465">
      <w:pPr>
        <w:pStyle w:val="Heading2"/>
      </w:pPr>
      <w:r>
        <w:t>Tableau Dashboard</w:t>
      </w:r>
    </w:p>
    <w:p w14:paraId="483C0038" w14:textId="77777777" w:rsidR="00713465" w:rsidRDefault="00713465" w:rsidP="00713465"/>
    <w:p w14:paraId="386EFD4F" w14:textId="7694EB17" w:rsidR="00B53E36" w:rsidRDefault="00713465" w:rsidP="00713465">
      <w:r>
        <w:t>In the dashboard is divided on two pages as the python scrip:</w:t>
      </w:r>
    </w:p>
    <w:p w14:paraId="2DAF6B56" w14:textId="7178457A" w:rsidR="00713465" w:rsidRDefault="00713465" w:rsidP="00713465">
      <w:pPr>
        <w:pStyle w:val="ListParagraph"/>
        <w:numPr>
          <w:ilvl w:val="0"/>
          <w:numId w:val="14"/>
        </w:numPr>
      </w:pPr>
      <w:r>
        <w:t>Splits, here we can partition and subdivide each split across each of the sensitive groups and the predictable feature.</w:t>
      </w:r>
    </w:p>
    <w:p w14:paraId="75F7EDBC" w14:textId="166E2539" w:rsidR="00713465" w:rsidRDefault="00713465" w:rsidP="00713465">
      <w:pPr>
        <w:pStyle w:val="ListParagraph"/>
        <w:numPr>
          <w:ilvl w:val="0"/>
          <w:numId w:val="14"/>
        </w:numPr>
      </w:pPr>
      <w:r>
        <w:t xml:space="preserve">Outcome, </w:t>
      </w:r>
      <w:r w:rsidR="00AA1956">
        <w:t xml:space="preserve">this dashboard will display </w:t>
      </w:r>
      <w:r w:rsidR="00791E78">
        <w:t>percentage of positive outcomes across each sensitive group and the evaluation metrics across each mem</w:t>
      </w:r>
      <w:r w:rsidR="00D35A65">
        <w:t>ber of the group.</w:t>
      </w:r>
    </w:p>
    <w:p w14:paraId="25EA6049" w14:textId="77777777" w:rsidR="00D35A65" w:rsidRPr="00D35A65" w:rsidRDefault="00D35A65" w:rsidP="00D35A65"/>
    <w:p w14:paraId="7B2CEA77" w14:textId="77777777" w:rsidR="006F09B7" w:rsidRDefault="006F09B7" w:rsidP="006F09B7"/>
    <w:p w14:paraId="74B3F2B0" w14:textId="77777777" w:rsidR="00425882" w:rsidRDefault="00425882" w:rsidP="006F09B7"/>
    <w:p w14:paraId="59035F4A" w14:textId="77777777" w:rsidR="00425882" w:rsidRDefault="00425882" w:rsidP="006F09B7"/>
    <w:p w14:paraId="455F8E0E" w14:textId="21B29B02" w:rsidR="00425882" w:rsidRDefault="00425882" w:rsidP="00425882">
      <w:pPr>
        <w:pStyle w:val="Heading1"/>
      </w:pPr>
      <w:r>
        <w:lastRenderedPageBreak/>
        <w:t>References</w:t>
      </w:r>
    </w:p>
    <w:p w14:paraId="7FEF8189" w14:textId="77777777" w:rsidR="00425882" w:rsidRDefault="00425882" w:rsidP="00425882"/>
    <w:p w14:paraId="7329A7FE" w14:textId="5BF16262" w:rsidR="00425882" w:rsidRDefault="00425882" w:rsidP="00425882">
      <w:pPr>
        <w:pStyle w:val="Heading2"/>
      </w:pPr>
      <w:r>
        <w:t>Dataset</w:t>
      </w:r>
      <w:r>
        <w:br/>
      </w:r>
    </w:p>
    <w:p w14:paraId="30AF72C5" w14:textId="14E14FAA" w:rsidR="00425882" w:rsidRDefault="00425882" w:rsidP="00425882">
      <w:r>
        <w:t>GitHub Repository:</w:t>
      </w:r>
      <w:r>
        <w:br/>
      </w:r>
      <w:r>
        <w:t>ProPublica. (n.d.). COMPAS Analysis. GitHub. https://github.com/propublica/compas-analysis</w:t>
      </w:r>
    </w:p>
    <w:p w14:paraId="37820B6D" w14:textId="7B99FD08" w:rsidR="00425882" w:rsidRDefault="00425882" w:rsidP="00425882">
      <w:r>
        <w:t>Article:</w:t>
      </w:r>
      <w:r>
        <w:br/>
      </w:r>
      <w:r>
        <w:t xml:space="preserve">Angwin, J., Larson, J., </w:t>
      </w:r>
      <w:proofErr w:type="spellStart"/>
      <w:r>
        <w:t>Mattu</w:t>
      </w:r>
      <w:proofErr w:type="spellEnd"/>
      <w:r>
        <w:t xml:space="preserve">, S., &amp; Kirchner, L. (2016, May 23). Machine Bias: Risk Assessments in Criminal Sentencing. ProPublica. </w:t>
      </w:r>
      <w:hyperlink r:id="rId9" w:history="1">
        <w:r w:rsidRPr="00493D0E">
          <w:rPr>
            <w:rStyle w:val="Hyperlink"/>
          </w:rPr>
          <w:t>https://www.propublica.org/article/machine-bias-risk-assessments-in-criminal-sentencing</w:t>
        </w:r>
      </w:hyperlink>
    </w:p>
    <w:p w14:paraId="06ECCD69" w14:textId="77777777" w:rsidR="00425882" w:rsidRDefault="00425882" w:rsidP="00425882"/>
    <w:p w14:paraId="6147A3CE" w14:textId="11CCE151" w:rsidR="00425882" w:rsidRDefault="00425882" w:rsidP="00425882">
      <w:pPr>
        <w:pStyle w:val="Heading2"/>
      </w:pPr>
      <w:r>
        <w:t>Work</w:t>
      </w:r>
    </w:p>
    <w:p w14:paraId="40993812" w14:textId="77777777" w:rsidR="00425882" w:rsidRDefault="00425882" w:rsidP="00425882"/>
    <w:p w14:paraId="74F76E53" w14:textId="77777777" w:rsidR="00F87583" w:rsidRPr="00F87583" w:rsidRDefault="00F87583" w:rsidP="00F87583">
      <w:r w:rsidRPr="00F87583">
        <w:t xml:space="preserve">Aif360: </w:t>
      </w:r>
      <w:r>
        <w:br/>
      </w:r>
      <w:r w:rsidRPr="00F87583">
        <w:t xml:space="preserve">IBM. (n.d.). AI Fairness 360 (AIF360). GitHub. Retrieved from </w:t>
      </w:r>
      <w:proofErr w:type="gramStart"/>
      <w:r w:rsidRPr="00F87583">
        <w:t>https://github.com/IBM/AIF360</w:t>
      </w:r>
      <w:proofErr w:type="gramEnd"/>
    </w:p>
    <w:p w14:paraId="53505844" w14:textId="77777777" w:rsidR="00F87583" w:rsidRPr="00F87583" w:rsidRDefault="00F87583" w:rsidP="00F87583">
      <w:proofErr w:type="spellStart"/>
      <w:r w:rsidRPr="00F87583">
        <w:t>Fairlearn</w:t>
      </w:r>
      <w:proofErr w:type="spellEnd"/>
      <w:r w:rsidRPr="00F87583">
        <w:t xml:space="preserve">: </w:t>
      </w:r>
      <w:r>
        <w:br/>
      </w:r>
      <w:r w:rsidRPr="00F87583">
        <w:t xml:space="preserve">Microsoft. (n.d.). </w:t>
      </w:r>
      <w:proofErr w:type="spellStart"/>
      <w:r w:rsidRPr="00F87583">
        <w:t>Fairlearn</w:t>
      </w:r>
      <w:proofErr w:type="spellEnd"/>
      <w:r w:rsidRPr="00F87583">
        <w:t xml:space="preserve">. GitHub. Retrieved from </w:t>
      </w:r>
      <w:proofErr w:type="gramStart"/>
      <w:r w:rsidRPr="00F87583">
        <w:t>https://github.com/fairlearn/fairlearn</w:t>
      </w:r>
      <w:proofErr w:type="gramEnd"/>
    </w:p>
    <w:p w14:paraId="4C571B1E" w14:textId="77777777" w:rsidR="00F87583" w:rsidRPr="00F87583" w:rsidRDefault="00F87583" w:rsidP="00F87583">
      <w:proofErr w:type="spellStart"/>
      <w:r w:rsidRPr="00F87583">
        <w:t>InterpretML</w:t>
      </w:r>
      <w:proofErr w:type="spellEnd"/>
      <w:r w:rsidRPr="00F87583">
        <w:t xml:space="preserve">: </w:t>
      </w:r>
      <w:r>
        <w:br/>
      </w:r>
      <w:r w:rsidRPr="00F87583">
        <w:t xml:space="preserve">Microsoft. (n.d.). </w:t>
      </w:r>
      <w:proofErr w:type="spellStart"/>
      <w:r w:rsidRPr="00F87583">
        <w:t>InterpretML</w:t>
      </w:r>
      <w:proofErr w:type="spellEnd"/>
      <w:r w:rsidRPr="00F87583">
        <w:t xml:space="preserve">. GitHub. Retrieved from </w:t>
      </w:r>
      <w:proofErr w:type="gramStart"/>
      <w:r w:rsidRPr="00F87583">
        <w:t>https://github.com/interpretml/interpret</w:t>
      </w:r>
      <w:proofErr w:type="gramEnd"/>
    </w:p>
    <w:p w14:paraId="4C143A1B" w14:textId="5D1D84D5" w:rsidR="00532A8A" w:rsidRDefault="00F87583" w:rsidP="00F87583">
      <w:r w:rsidRPr="00F87583">
        <w:t xml:space="preserve">Google What-If: </w:t>
      </w:r>
      <w:r>
        <w:br/>
      </w:r>
      <w:r w:rsidRPr="00F87583">
        <w:t xml:space="preserve">Google. (n.d.). What-If Tool. GitHub. Retrieved from </w:t>
      </w:r>
      <w:hyperlink r:id="rId10" w:history="1">
        <w:r w:rsidR="00532A8A" w:rsidRPr="00F87583">
          <w:rPr>
            <w:rStyle w:val="Hyperlink"/>
          </w:rPr>
          <w:t>https://github.com/tensorflow/tensorboard/tree/master/tensorboard/plugins/interactive_inference</w:t>
        </w:r>
      </w:hyperlink>
    </w:p>
    <w:p w14:paraId="69F2D725" w14:textId="2E7EA888" w:rsidR="00F87583" w:rsidRDefault="00F87583" w:rsidP="00F87583">
      <w:r w:rsidRPr="00F87583">
        <w:t xml:space="preserve">HELM: </w:t>
      </w:r>
      <w:r>
        <w:br/>
      </w:r>
      <w:r w:rsidRPr="00F87583">
        <w:t xml:space="preserve">Chen, J. (2018). HELM: A toolkit for understanding high-level embeddings in large scale networks. </w:t>
      </w:r>
      <w:proofErr w:type="spellStart"/>
      <w:r w:rsidRPr="00F87583">
        <w:t>arXiv</w:t>
      </w:r>
      <w:proofErr w:type="spellEnd"/>
      <w:r w:rsidRPr="00F87583">
        <w:t xml:space="preserve"> preprint arXiv:1805.04092. Retrieved from </w:t>
      </w:r>
      <w:hyperlink r:id="rId11" w:history="1">
        <w:r w:rsidR="00532A8A" w:rsidRPr="00F87583">
          <w:rPr>
            <w:rStyle w:val="Hyperlink"/>
          </w:rPr>
          <w:t>https://arxiv.org/abs/1805.04092</w:t>
        </w:r>
      </w:hyperlink>
    </w:p>
    <w:p w14:paraId="3FDA52B9" w14:textId="77777777" w:rsidR="00532A8A" w:rsidRDefault="00532A8A" w:rsidP="00532A8A">
      <w:r w:rsidRPr="007E4228">
        <w:t xml:space="preserve">Thogmartin, D., Spitzer, P., &amp; </w:t>
      </w:r>
      <w:proofErr w:type="spellStart"/>
      <w:r w:rsidRPr="007E4228">
        <w:t>Körner</w:t>
      </w:r>
      <w:proofErr w:type="spellEnd"/>
      <w:r w:rsidRPr="007E4228">
        <w:t xml:space="preserve">, J. (Year of publication). </w:t>
      </w:r>
      <w:r w:rsidRPr="007E4228">
        <w:rPr>
          <w:i/>
          <w:iCs/>
        </w:rPr>
        <w:t>Trustworthy AI: Robust and Reliable</w:t>
      </w:r>
      <w:r w:rsidRPr="007E4228">
        <w:t xml:space="preserve"> [White paper]. Deloitte Germany. Retrieved from </w:t>
      </w:r>
      <w:hyperlink r:id="rId12" w:tgtFrame="_new" w:history="1">
        <w:r w:rsidRPr="007E4228">
          <w:rPr>
            <w:rStyle w:val="Hyperlink"/>
          </w:rPr>
          <w:t>https://www2.deloitte.com/content/dam/Deloitte/de/Documents/Innovation/DELO-8505%20Trustworthy%20AI%20Robust%20and%20Reliable_KS6.pdf</w:t>
        </w:r>
      </w:hyperlink>
    </w:p>
    <w:p w14:paraId="35A447EB" w14:textId="77777777" w:rsidR="00532A8A" w:rsidRDefault="00532A8A" w:rsidP="00532A8A">
      <w:r w:rsidRPr="0059104F">
        <w:t xml:space="preserve">Thogmartin, D., &amp; Berge, T. (2022, May). </w:t>
      </w:r>
      <w:r w:rsidRPr="0059104F">
        <w:rPr>
          <w:i/>
          <w:iCs/>
        </w:rPr>
        <w:t>Artificial Intelligence Act</w:t>
      </w:r>
      <w:r w:rsidRPr="0059104F">
        <w:t xml:space="preserve"> [White paper]. Deloitte Germany. Retrieved from </w:t>
      </w:r>
      <w:hyperlink r:id="rId13" w:tgtFrame="_new" w:history="1">
        <w:r w:rsidRPr="0059104F">
          <w:rPr>
            <w:rStyle w:val="Hyperlink"/>
          </w:rPr>
          <w:t>https://www2.deloitte.com/content/dam/Deloitte/de/Documents/Innovation/Deloitte%20TAI%20DE%20-%20Artificial%20Intelligence%20Act%20update.pdf</w:t>
        </w:r>
      </w:hyperlink>
    </w:p>
    <w:p w14:paraId="6915B134" w14:textId="77777777" w:rsidR="00532A8A" w:rsidRPr="00F87583" w:rsidRDefault="00532A8A" w:rsidP="00F87583"/>
    <w:p w14:paraId="7D9AB805" w14:textId="77777777" w:rsidR="00F87583" w:rsidRPr="00425882" w:rsidRDefault="00F87583" w:rsidP="00425882"/>
    <w:sectPr w:rsidR="00F87583" w:rsidRPr="00425882">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959F6A5" w14:textId="77777777" w:rsidR="007C2B37" w:rsidRDefault="007C2B37" w:rsidP="001A7911">
      <w:pPr>
        <w:spacing w:after="0" w:line="240" w:lineRule="auto"/>
      </w:pPr>
      <w:r>
        <w:separator/>
      </w:r>
    </w:p>
  </w:endnote>
  <w:endnote w:type="continuationSeparator" w:id="0">
    <w:p w14:paraId="65905219" w14:textId="77777777" w:rsidR="007C2B37" w:rsidRDefault="007C2B37" w:rsidP="001A7911">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B0392D6" w14:textId="77777777" w:rsidR="007C2B37" w:rsidRDefault="007C2B37" w:rsidP="001A7911">
      <w:pPr>
        <w:spacing w:after="0" w:line="240" w:lineRule="auto"/>
      </w:pPr>
      <w:r>
        <w:separator/>
      </w:r>
    </w:p>
  </w:footnote>
  <w:footnote w:type="continuationSeparator" w:id="0">
    <w:p w14:paraId="5459DE18" w14:textId="77777777" w:rsidR="007C2B37" w:rsidRDefault="007C2B37" w:rsidP="001A7911">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1AA09DB"/>
    <w:multiLevelType w:val="hybridMultilevel"/>
    <w:tmpl w:val="77BCEDE0"/>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 w15:restartNumberingAfterBreak="0">
    <w:nsid w:val="0B416624"/>
    <w:multiLevelType w:val="hybridMultilevel"/>
    <w:tmpl w:val="158E6E9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2" w15:restartNumberingAfterBreak="0">
    <w:nsid w:val="0D800B18"/>
    <w:multiLevelType w:val="hybridMultilevel"/>
    <w:tmpl w:val="96CC7FFA"/>
    <w:lvl w:ilvl="0" w:tplc="EF6EE572">
      <w:numFmt w:val="bullet"/>
      <w:lvlText w:val="-"/>
      <w:lvlJc w:val="left"/>
      <w:pPr>
        <w:ind w:left="720" w:hanging="360"/>
      </w:pPr>
      <w:rPr>
        <w:rFonts w:ascii="Calibri" w:eastAsiaTheme="minorHAnsi" w:hAnsi="Calibri" w:cs="Calibr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3" w15:restartNumberingAfterBreak="0">
    <w:nsid w:val="0EFA4020"/>
    <w:multiLevelType w:val="hybridMultilevel"/>
    <w:tmpl w:val="B0380B9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4" w15:restartNumberingAfterBreak="0">
    <w:nsid w:val="32373760"/>
    <w:multiLevelType w:val="hybridMultilevel"/>
    <w:tmpl w:val="39327FF2"/>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5" w15:restartNumberingAfterBreak="0">
    <w:nsid w:val="36B21B3D"/>
    <w:multiLevelType w:val="hybridMultilevel"/>
    <w:tmpl w:val="4EF0BDD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6" w15:restartNumberingAfterBreak="0">
    <w:nsid w:val="3F01416E"/>
    <w:multiLevelType w:val="hybridMultilevel"/>
    <w:tmpl w:val="BDC84A1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7" w15:restartNumberingAfterBreak="0">
    <w:nsid w:val="473914E0"/>
    <w:multiLevelType w:val="hybridMultilevel"/>
    <w:tmpl w:val="2938D08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8" w15:restartNumberingAfterBreak="0">
    <w:nsid w:val="4D086C99"/>
    <w:multiLevelType w:val="hybridMultilevel"/>
    <w:tmpl w:val="D32832A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9" w15:restartNumberingAfterBreak="0">
    <w:nsid w:val="4E7067F9"/>
    <w:multiLevelType w:val="hybridMultilevel"/>
    <w:tmpl w:val="0008AB58"/>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0" w15:restartNumberingAfterBreak="0">
    <w:nsid w:val="51695FC9"/>
    <w:multiLevelType w:val="hybridMultilevel"/>
    <w:tmpl w:val="C970506E"/>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1" w15:restartNumberingAfterBreak="0">
    <w:nsid w:val="5BBE4F2B"/>
    <w:multiLevelType w:val="hybridMultilevel"/>
    <w:tmpl w:val="FECEC0CE"/>
    <w:lvl w:ilvl="0" w:tplc="EF6EE572">
      <w:numFmt w:val="bullet"/>
      <w:lvlText w:val="-"/>
      <w:lvlJc w:val="left"/>
      <w:pPr>
        <w:ind w:left="720" w:hanging="360"/>
      </w:pPr>
      <w:rPr>
        <w:rFonts w:ascii="Calibri" w:eastAsiaTheme="minorHAnsi" w:hAnsi="Calibri" w:cs="Calibri"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2" w15:restartNumberingAfterBreak="0">
    <w:nsid w:val="623E413E"/>
    <w:multiLevelType w:val="hybridMultilevel"/>
    <w:tmpl w:val="40FEE13A"/>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3" w15:restartNumberingAfterBreak="0">
    <w:nsid w:val="6A354EE5"/>
    <w:multiLevelType w:val="hybridMultilevel"/>
    <w:tmpl w:val="FED24346"/>
    <w:lvl w:ilvl="0" w:tplc="0C090001">
      <w:start w:val="1"/>
      <w:numFmt w:val="bullet"/>
      <w:lvlText w:val=""/>
      <w:lvlJc w:val="left"/>
      <w:pPr>
        <w:ind w:left="720" w:hanging="360"/>
      </w:pPr>
      <w:rPr>
        <w:rFonts w:ascii="Symbol" w:hAnsi="Symbol" w:hint="default"/>
      </w:rPr>
    </w:lvl>
    <w:lvl w:ilvl="1" w:tplc="0C090003" w:tentative="1">
      <w:start w:val="1"/>
      <w:numFmt w:val="bullet"/>
      <w:lvlText w:val="o"/>
      <w:lvlJc w:val="left"/>
      <w:pPr>
        <w:ind w:left="1440" w:hanging="360"/>
      </w:pPr>
      <w:rPr>
        <w:rFonts w:ascii="Courier New" w:hAnsi="Courier New" w:cs="Courier New" w:hint="default"/>
      </w:rPr>
    </w:lvl>
    <w:lvl w:ilvl="2" w:tplc="0C090005" w:tentative="1">
      <w:start w:val="1"/>
      <w:numFmt w:val="bullet"/>
      <w:lvlText w:val=""/>
      <w:lvlJc w:val="left"/>
      <w:pPr>
        <w:ind w:left="2160" w:hanging="360"/>
      </w:pPr>
      <w:rPr>
        <w:rFonts w:ascii="Wingdings" w:hAnsi="Wingdings" w:hint="default"/>
      </w:rPr>
    </w:lvl>
    <w:lvl w:ilvl="3" w:tplc="0C090001" w:tentative="1">
      <w:start w:val="1"/>
      <w:numFmt w:val="bullet"/>
      <w:lvlText w:val=""/>
      <w:lvlJc w:val="left"/>
      <w:pPr>
        <w:ind w:left="2880" w:hanging="360"/>
      </w:pPr>
      <w:rPr>
        <w:rFonts w:ascii="Symbol" w:hAnsi="Symbol" w:hint="default"/>
      </w:rPr>
    </w:lvl>
    <w:lvl w:ilvl="4" w:tplc="0C090003" w:tentative="1">
      <w:start w:val="1"/>
      <w:numFmt w:val="bullet"/>
      <w:lvlText w:val="o"/>
      <w:lvlJc w:val="left"/>
      <w:pPr>
        <w:ind w:left="3600" w:hanging="360"/>
      </w:pPr>
      <w:rPr>
        <w:rFonts w:ascii="Courier New" w:hAnsi="Courier New" w:cs="Courier New" w:hint="default"/>
      </w:rPr>
    </w:lvl>
    <w:lvl w:ilvl="5" w:tplc="0C090005" w:tentative="1">
      <w:start w:val="1"/>
      <w:numFmt w:val="bullet"/>
      <w:lvlText w:val=""/>
      <w:lvlJc w:val="left"/>
      <w:pPr>
        <w:ind w:left="4320" w:hanging="360"/>
      </w:pPr>
      <w:rPr>
        <w:rFonts w:ascii="Wingdings" w:hAnsi="Wingdings" w:hint="default"/>
      </w:rPr>
    </w:lvl>
    <w:lvl w:ilvl="6" w:tplc="0C090001" w:tentative="1">
      <w:start w:val="1"/>
      <w:numFmt w:val="bullet"/>
      <w:lvlText w:val=""/>
      <w:lvlJc w:val="left"/>
      <w:pPr>
        <w:ind w:left="5040" w:hanging="360"/>
      </w:pPr>
      <w:rPr>
        <w:rFonts w:ascii="Symbol" w:hAnsi="Symbol" w:hint="default"/>
      </w:rPr>
    </w:lvl>
    <w:lvl w:ilvl="7" w:tplc="0C090003" w:tentative="1">
      <w:start w:val="1"/>
      <w:numFmt w:val="bullet"/>
      <w:lvlText w:val="o"/>
      <w:lvlJc w:val="left"/>
      <w:pPr>
        <w:ind w:left="5760" w:hanging="360"/>
      </w:pPr>
      <w:rPr>
        <w:rFonts w:ascii="Courier New" w:hAnsi="Courier New" w:cs="Courier New" w:hint="default"/>
      </w:rPr>
    </w:lvl>
    <w:lvl w:ilvl="8" w:tplc="0C090005" w:tentative="1">
      <w:start w:val="1"/>
      <w:numFmt w:val="bullet"/>
      <w:lvlText w:val=""/>
      <w:lvlJc w:val="left"/>
      <w:pPr>
        <w:ind w:left="6480" w:hanging="360"/>
      </w:pPr>
      <w:rPr>
        <w:rFonts w:ascii="Wingdings" w:hAnsi="Wingdings" w:hint="default"/>
      </w:rPr>
    </w:lvl>
  </w:abstractNum>
  <w:abstractNum w:abstractNumId="14" w15:restartNumberingAfterBreak="0">
    <w:nsid w:val="6C7F0689"/>
    <w:multiLevelType w:val="multilevel"/>
    <w:tmpl w:val="D1DA4754"/>
    <w:lvl w:ilvl="0">
      <w:start w:val="1"/>
      <w:numFmt w:val="decimal"/>
      <w:lvlText w:val="%1."/>
      <w:lvlJc w:val="left"/>
      <w:pPr>
        <w:tabs>
          <w:tab w:val="num" w:pos="360"/>
        </w:tabs>
        <w:ind w:left="360" w:hanging="360"/>
      </w:pPr>
    </w:lvl>
    <w:lvl w:ilvl="1" w:tentative="1">
      <w:start w:val="1"/>
      <w:numFmt w:val="decimal"/>
      <w:lvlText w:val="%2."/>
      <w:lvlJc w:val="left"/>
      <w:pPr>
        <w:tabs>
          <w:tab w:val="num" w:pos="1080"/>
        </w:tabs>
        <w:ind w:left="1080" w:hanging="360"/>
      </w:pPr>
    </w:lvl>
    <w:lvl w:ilvl="2" w:tentative="1">
      <w:start w:val="1"/>
      <w:numFmt w:val="decimal"/>
      <w:lvlText w:val="%3."/>
      <w:lvlJc w:val="left"/>
      <w:pPr>
        <w:tabs>
          <w:tab w:val="num" w:pos="1800"/>
        </w:tabs>
        <w:ind w:left="1800" w:hanging="360"/>
      </w:pPr>
    </w:lvl>
    <w:lvl w:ilvl="3" w:tentative="1">
      <w:start w:val="1"/>
      <w:numFmt w:val="decimal"/>
      <w:lvlText w:val="%4."/>
      <w:lvlJc w:val="left"/>
      <w:pPr>
        <w:tabs>
          <w:tab w:val="num" w:pos="2520"/>
        </w:tabs>
        <w:ind w:left="2520" w:hanging="360"/>
      </w:pPr>
    </w:lvl>
    <w:lvl w:ilvl="4" w:tentative="1">
      <w:start w:val="1"/>
      <w:numFmt w:val="decimal"/>
      <w:lvlText w:val="%5."/>
      <w:lvlJc w:val="left"/>
      <w:pPr>
        <w:tabs>
          <w:tab w:val="num" w:pos="3240"/>
        </w:tabs>
        <w:ind w:left="3240" w:hanging="360"/>
      </w:pPr>
    </w:lvl>
    <w:lvl w:ilvl="5" w:tentative="1">
      <w:start w:val="1"/>
      <w:numFmt w:val="decimal"/>
      <w:lvlText w:val="%6."/>
      <w:lvlJc w:val="left"/>
      <w:pPr>
        <w:tabs>
          <w:tab w:val="num" w:pos="3960"/>
        </w:tabs>
        <w:ind w:left="3960" w:hanging="360"/>
      </w:pPr>
    </w:lvl>
    <w:lvl w:ilvl="6" w:tentative="1">
      <w:start w:val="1"/>
      <w:numFmt w:val="decimal"/>
      <w:lvlText w:val="%7."/>
      <w:lvlJc w:val="left"/>
      <w:pPr>
        <w:tabs>
          <w:tab w:val="num" w:pos="4680"/>
        </w:tabs>
        <w:ind w:left="4680" w:hanging="360"/>
      </w:pPr>
    </w:lvl>
    <w:lvl w:ilvl="7" w:tentative="1">
      <w:start w:val="1"/>
      <w:numFmt w:val="decimal"/>
      <w:lvlText w:val="%8."/>
      <w:lvlJc w:val="left"/>
      <w:pPr>
        <w:tabs>
          <w:tab w:val="num" w:pos="5400"/>
        </w:tabs>
        <w:ind w:left="5400" w:hanging="360"/>
      </w:pPr>
    </w:lvl>
    <w:lvl w:ilvl="8" w:tentative="1">
      <w:start w:val="1"/>
      <w:numFmt w:val="decimal"/>
      <w:lvlText w:val="%9."/>
      <w:lvlJc w:val="left"/>
      <w:pPr>
        <w:tabs>
          <w:tab w:val="num" w:pos="6120"/>
        </w:tabs>
        <w:ind w:left="6120" w:hanging="360"/>
      </w:pPr>
    </w:lvl>
  </w:abstractNum>
  <w:abstractNum w:abstractNumId="15" w15:restartNumberingAfterBreak="0">
    <w:nsid w:val="7D0E51C0"/>
    <w:multiLevelType w:val="multilevel"/>
    <w:tmpl w:val="E9982C98"/>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num w:numId="1" w16cid:durableId="211042872">
    <w:abstractNumId w:val="4"/>
  </w:num>
  <w:num w:numId="2" w16cid:durableId="2007975202">
    <w:abstractNumId w:val="12"/>
  </w:num>
  <w:num w:numId="3" w16cid:durableId="1078675462">
    <w:abstractNumId w:val="10"/>
  </w:num>
  <w:num w:numId="4" w16cid:durableId="1544714964">
    <w:abstractNumId w:val="11"/>
  </w:num>
  <w:num w:numId="5" w16cid:durableId="314527562">
    <w:abstractNumId w:val="2"/>
  </w:num>
  <w:num w:numId="6" w16cid:durableId="998653485">
    <w:abstractNumId w:val="1"/>
  </w:num>
  <w:num w:numId="7" w16cid:durableId="687295217">
    <w:abstractNumId w:val="7"/>
  </w:num>
  <w:num w:numId="8" w16cid:durableId="1265921056">
    <w:abstractNumId w:val="9"/>
  </w:num>
  <w:num w:numId="9" w16cid:durableId="1076629087">
    <w:abstractNumId w:val="15"/>
  </w:num>
  <w:num w:numId="10" w16cid:durableId="2117669548">
    <w:abstractNumId w:val="0"/>
  </w:num>
  <w:num w:numId="11" w16cid:durableId="1062564890">
    <w:abstractNumId w:val="13"/>
  </w:num>
  <w:num w:numId="12" w16cid:durableId="1059016927">
    <w:abstractNumId w:val="8"/>
  </w:num>
  <w:num w:numId="13" w16cid:durableId="383674796">
    <w:abstractNumId w:val="5"/>
  </w:num>
  <w:num w:numId="14" w16cid:durableId="1069156775">
    <w:abstractNumId w:val="3"/>
  </w:num>
  <w:num w:numId="15" w16cid:durableId="1041129369">
    <w:abstractNumId w:val="6"/>
  </w:num>
  <w:num w:numId="16" w16cid:durableId="1441679037">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210"/>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10C13"/>
    <w:rsid w:val="00016031"/>
    <w:rsid w:val="00027414"/>
    <w:rsid w:val="000549FE"/>
    <w:rsid w:val="000A44A4"/>
    <w:rsid w:val="000B0DE3"/>
    <w:rsid w:val="000D2C54"/>
    <w:rsid w:val="000E7586"/>
    <w:rsid w:val="000F6799"/>
    <w:rsid w:val="00141C3F"/>
    <w:rsid w:val="001951EC"/>
    <w:rsid w:val="001A2A67"/>
    <w:rsid w:val="001A7911"/>
    <w:rsid w:val="001B3699"/>
    <w:rsid w:val="001C734D"/>
    <w:rsid w:val="001E00AB"/>
    <w:rsid w:val="001E79A1"/>
    <w:rsid w:val="001F2717"/>
    <w:rsid w:val="00250E3A"/>
    <w:rsid w:val="00275742"/>
    <w:rsid w:val="00284DEE"/>
    <w:rsid w:val="002861BF"/>
    <w:rsid w:val="002C39FE"/>
    <w:rsid w:val="002D3EA3"/>
    <w:rsid w:val="003538E2"/>
    <w:rsid w:val="00392C5F"/>
    <w:rsid w:val="00425882"/>
    <w:rsid w:val="00437658"/>
    <w:rsid w:val="004479B1"/>
    <w:rsid w:val="00455A84"/>
    <w:rsid w:val="004C27F3"/>
    <w:rsid w:val="004E77F9"/>
    <w:rsid w:val="005270B6"/>
    <w:rsid w:val="005310A7"/>
    <w:rsid w:val="00532A8A"/>
    <w:rsid w:val="0056556A"/>
    <w:rsid w:val="005670B9"/>
    <w:rsid w:val="0059104F"/>
    <w:rsid w:val="005A469E"/>
    <w:rsid w:val="00610C13"/>
    <w:rsid w:val="00665B21"/>
    <w:rsid w:val="006954F1"/>
    <w:rsid w:val="006F09B7"/>
    <w:rsid w:val="007031E7"/>
    <w:rsid w:val="00713465"/>
    <w:rsid w:val="00742231"/>
    <w:rsid w:val="00791E78"/>
    <w:rsid w:val="007A15C4"/>
    <w:rsid w:val="007C2B37"/>
    <w:rsid w:val="007D4A7F"/>
    <w:rsid w:val="007E4228"/>
    <w:rsid w:val="00874DCB"/>
    <w:rsid w:val="00904A5B"/>
    <w:rsid w:val="00913BC4"/>
    <w:rsid w:val="0099786E"/>
    <w:rsid w:val="00A22A85"/>
    <w:rsid w:val="00A40C57"/>
    <w:rsid w:val="00A8039A"/>
    <w:rsid w:val="00A80516"/>
    <w:rsid w:val="00A976C1"/>
    <w:rsid w:val="00AA1956"/>
    <w:rsid w:val="00AC4213"/>
    <w:rsid w:val="00B00A7B"/>
    <w:rsid w:val="00B52E81"/>
    <w:rsid w:val="00B53E36"/>
    <w:rsid w:val="00C02DE5"/>
    <w:rsid w:val="00C2111F"/>
    <w:rsid w:val="00C228AC"/>
    <w:rsid w:val="00C22A18"/>
    <w:rsid w:val="00C30ACB"/>
    <w:rsid w:val="00C43BBE"/>
    <w:rsid w:val="00C4584E"/>
    <w:rsid w:val="00C66502"/>
    <w:rsid w:val="00C67013"/>
    <w:rsid w:val="00CA5065"/>
    <w:rsid w:val="00CB0AB2"/>
    <w:rsid w:val="00CD32DB"/>
    <w:rsid w:val="00CD4EE4"/>
    <w:rsid w:val="00CF611E"/>
    <w:rsid w:val="00D01DE5"/>
    <w:rsid w:val="00D35A65"/>
    <w:rsid w:val="00D4444F"/>
    <w:rsid w:val="00D509A8"/>
    <w:rsid w:val="00DA2B13"/>
    <w:rsid w:val="00DC2B01"/>
    <w:rsid w:val="00DC420A"/>
    <w:rsid w:val="00E03567"/>
    <w:rsid w:val="00E15577"/>
    <w:rsid w:val="00E25689"/>
    <w:rsid w:val="00E25AE7"/>
    <w:rsid w:val="00E319CD"/>
    <w:rsid w:val="00EE7B71"/>
    <w:rsid w:val="00F27179"/>
    <w:rsid w:val="00F4758B"/>
    <w:rsid w:val="00F55AEF"/>
    <w:rsid w:val="00F87583"/>
    <w:rsid w:val="00F96C3A"/>
  </w:rsids>
  <m:mathPr>
    <m:mathFont m:val="Cambria Math"/>
    <m:brkBin m:val="before"/>
    <m:brkBinSub m:val="--"/>
    <m:smallFrac m:val="0"/>
    <m:dispDef/>
    <m:lMargin m:val="0"/>
    <m:rMargin m:val="0"/>
    <m:defJc m:val="centerGroup"/>
    <m:wrapIndent m:val="1440"/>
    <m:intLim m:val="subSup"/>
    <m:naryLim m:val="undOvr"/>
  </m:mathPr>
  <w:themeFontLang w:val="en-AU"/>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7EEA3D5"/>
  <w15:chartTrackingRefBased/>
  <w15:docId w15:val="{29854371-6126-4C31-B73E-5D1AEF94AE8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AU"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275742"/>
    <w:pPr>
      <w:keepNext/>
      <w:keepLines/>
      <w:spacing w:before="240" w:after="0"/>
      <w:outlineLvl w:val="0"/>
    </w:pPr>
    <w:rPr>
      <w:rFonts w:asciiTheme="majorHAnsi" w:eastAsiaTheme="majorEastAsia" w:hAnsiTheme="majorHAnsi" w:cstheme="majorBidi"/>
      <w:color w:val="2F5496" w:themeColor="accent1" w:themeShade="BF"/>
      <w:sz w:val="32"/>
      <w:szCs w:val="32"/>
    </w:rPr>
  </w:style>
  <w:style w:type="paragraph" w:styleId="Heading2">
    <w:name w:val="heading 2"/>
    <w:basedOn w:val="Normal"/>
    <w:next w:val="Normal"/>
    <w:link w:val="Heading2Char"/>
    <w:uiPriority w:val="9"/>
    <w:unhideWhenUsed/>
    <w:qFormat/>
    <w:rsid w:val="00275742"/>
    <w:pPr>
      <w:keepNext/>
      <w:keepLines/>
      <w:spacing w:before="40" w:after="0"/>
      <w:outlineLvl w:val="1"/>
    </w:pPr>
    <w:rPr>
      <w:rFonts w:asciiTheme="majorHAnsi" w:eastAsiaTheme="majorEastAsia" w:hAnsiTheme="majorHAnsi" w:cstheme="majorBidi"/>
      <w:color w:val="2F5496" w:themeColor="accent1" w:themeShade="BF"/>
      <w:sz w:val="26"/>
      <w:szCs w:val="26"/>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ljs-keyword">
    <w:name w:val="hljs-keyword"/>
    <w:basedOn w:val="DefaultParagraphFont"/>
    <w:rsid w:val="00610C13"/>
  </w:style>
  <w:style w:type="character" w:customStyle="1" w:styleId="Heading1Char">
    <w:name w:val="Heading 1 Char"/>
    <w:basedOn w:val="DefaultParagraphFont"/>
    <w:link w:val="Heading1"/>
    <w:uiPriority w:val="9"/>
    <w:rsid w:val="00275742"/>
    <w:rPr>
      <w:rFonts w:asciiTheme="majorHAnsi" w:eastAsiaTheme="majorEastAsia" w:hAnsiTheme="majorHAnsi" w:cstheme="majorBidi"/>
      <w:color w:val="2F5496" w:themeColor="accent1" w:themeShade="BF"/>
      <w:sz w:val="32"/>
      <w:szCs w:val="32"/>
    </w:rPr>
  </w:style>
  <w:style w:type="character" w:customStyle="1" w:styleId="Heading2Char">
    <w:name w:val="Heading 2 Char"/>
    <w:basedOn w:val="DefaultParagraphFont"/>
    <w:link w:val="Heading2"/>
    <w:uiPriority w:val="9"/>
    <w:rsid w:val="00275742"/>
    <w:rPr>
      <w:rFonts w:asciiTheme="majorHAnsi" w:eastAsiaTheme="majorEastAsia" w:hAnsiTheme="majorHAnsi" w:cstheme="majorBidi"/>
      <w:color w:val="2F5496" w:themeColor="accent1" w:themeShade="BF"/>
      <w:sz w:val="26"/>
      <w:szCs w:val="26"/>
    </w:rPr>
  </w:style>
  <w:style w:type="paragraph" w:styleId="ListParagraph">
    <w:name w:val="List Paragraph"/>
    <w:basedOn w:val="Normal"/>
    <w:uiPriority w:val="34"/>
    <w:qFormat/>
    <w:rsid w:val="007031E7"/>
    <w:pPr>
      <w:ind w:left="720"/>
      <w:contextualSpacing/>
    </w:pPr>
  </w:style>
  <w:style w:type="character" w:styleId="Hyperlink">
    <w:name w:val="Hyperlink"/>
    <w:basedOn w:val="DefaultParagraphFont"/>
    <w:uiPriority w:val="99"/>
    <w:unhideWhenUsed/>
    <w:rsid w:val="00425882"/>
    <w:rPr>
      <w:color w:val="0563C1" w:themeColor="hyperlink"/>
      <w:u w:val="single"/>
    </w:rPr>
  </w:style>
  <w:style w:type="character" w:styleId="UnresolvedMention">
    <w:name w:val="Unresolved Mention"/>
    <w:basedOn w:val="DefaultParagraphFont"/>
    <w:uiPriority w:val="99"/>
    <w:semiHidden/>
    <w:unhideWhenUsed/>
    <w:rsid w:val="00425882"/>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406809738">
      <w:bodyDiv w:val="1"/>
      <w:marLeft w:val="0"/>
      <w:marRight w:val="0"/>
      <w:marTop w:val="0"/>
      <w:marBottom w:val="0"/>
      <w:divBdr>
        <w:top w:val="none" w:sz="0" w:space="0" w:color="auto"/>
        <w:left w:val="none" w:sz="0" w:space="0" w:color="auto"/>
        <w:bottom w:val="none" w:sz="0" w:space="0" w:color="auto"/>
        <w:right w:val="none" w:sz="0" w:space="0" w:color="auto"/>
      </w:divBdr>
    </w:div>
    <w:div w:id="562520450">
      <w:bodyDiv w:val="1"/>
      <w:marLeft w:val="0"/>
      <w:marRight w:val="0"/>
      <w:marTop w:val="0"/>
      <w:marBottom w:val="0"/>
      <w:divBdr>
        <w:top w:val="none" w:sz="0" w:space="0" w:color="auto"/>
        <w:left w:val="none" w:sz="0" w:space="0" w:color="auto"/>
        <w:bottom w:val="none" w:sz="0" w:space="0" w:color="auto"/>
        <w:right w:val="none" w:sz="0" w:space="0" w:color="auto"/>
      </w:divBdr>
    </w:div>
    <w:div w:id="638070882">
      <w:bodyDiv w:val="1"/>
      <w:marLeft w:val="0"/>
      <w:marRight w:val="0"/>
      <w:marTop w:val="0"/>
      <w:marBottom w:val="0"/>
      <w:divBdr>
        <w:top w:val="none" w:sz="0" w:space="0" w:color="auto"/>
        <w:left w:val="none" w:sz="0" w:space="0" w:color="auto"/>
        <w:bottom w:val="none" w:sz="0" w:space="0" w:color="auto"/>
        <w:right w:val="none" w:sz="0" w:space="0" w:color="auto"/>
      </w:divBdr>
    </w:div>
    <w:div w:id="764810340">
      <w:bodyDiv w:val="1"/>
      <w:marLeft w:val="0"/>
      <w:marRight w:val="0"/>
      <w:marTop w:val="0"/>
      <w:marBottom w:val="0"/>
      <w:divBdr>
        <w:top w:val="none" w:sz="0" w:space="0" w:color="auto"/>
        <w:left w:val="none" w:sz="0" w:space="0" w:color="auto"/>
        <w:bottom w:val="none" w:sz="0" w:space="0" w:color="auto"/>
        <w:right w:val="none" w:sz="0" w:space="0" w:color="auto"/>
      </w:divBdr>
    </w:div>
    <w:div w:id="783034089">
      <w:bodyDiv w:val="1"/>
      <w:marLeft w:val="0"/>
      <w:marRight w:val="0"/>
      <w:marTop w:val="0"/>
      <w:marBottom w:val="0"/>
      <w:divBdr>
        <w:top w:val="none" w:sz="0" w:space="0" w:color="auto"/>
        <w:left w:val="none" w:sz="0" w:space="0" w:color="auto"/>
        <w:bottom w:val="none" w:sz="0" w:space="0" w:color="auto"/>
        <w:right w:val="none" w:sz="0" w:space="0" w:color="auto"/>
      </w:divBdr>
    </w:div>
    <w:div w:id="1116366930">
      <w:bodyDiv w:val="1"/>
      <w:marLeft w:val="0"/>
      <w:marRight w:val="0"/>
      <w:marTop w:val="0"/>
      <w:marBottom w:val="0"/>
      <w:divBdr>
        <w:top w:val="none" w:sz="0" w:space="0" w:color="auto"/>
        <w:left w:val="none" w:sz="0" w:space="0" w:color="auto"/>
        <w:bottom w:val="none" w:sz="0" w:space="0" w:color="auto"/>
        <w:right w:val="none" w:sz="0" w:space="0" w:color="auto"/>
      </w:divBdr>
    </w:div>
    <w:div w:id="1418943691">
      <w:bodyDiv w:val="1"/>
      <w:marLeft w:val="0"/>
      <w:marRight w:val="0"/>
      <w:marTop w:val="0"/>
      <w:marBottom w:val="0"/>
      <w:divBdr>
        <w:top w:val="none" w:sz="0" w:space="0" w:color="auto"/>
        <w:left w:val="none" w:sz="0" w:space="0" w:color="auto"/>
        <w:bottom w:val="none" w:sz="0" w:space="0" w:color="auto"/>
        <w:right w:val="none" w:sz="0" w:space="0" w:color="auto"/>
      </w:divBdr>
    </w:div>
    <w:div w:id="1614552417">
      <w:bodyDiv w:val="1"/>
      <w:marLeft w:val="0"/>
      <w:marRight w:val="0"/>
      <w:marTop w:val="0"/>
      <w:marBottom w:val="0"/>
      <w:divBdr>
        <w:top w:val="none" w:sz="0" w:space="0" w:color="auto"/>
        <w:left w:val="none" w:sz="0" w:space="0" w:color="auto"/>
        <w:bottom w:val="none" w:sz="0" w:space="0" w:color="auto"/>
        <w:right w:val="none" w:sz="0" w:space="0" w:color="auto"/>
      </w:divBdr>
    </w:div>
    <w:div w:id="1650671830">
      <w:bodyDiv w:val="1"/>
      <w:marLeft w:val="0"/>
      <w:marRight w:val="0"/>
      <w:marTop w:val="0"/>
      <w:marBottom w:val="0"/>
      <w:divBdr>
        <w:top w:val="none" w:sz="0" w:space="0" w:color="auto"/>
        <w:left w:val="none" w:sz="0" w:space="0" w:color="auto"/>
        <w:bottom w:val="none" w:sz="0" w:space="0" w:color="auto"/>
        <w:right w:val="none" w:sz="0" w:space="0" w:color="auto"/>
      </w:divBdr>
    </w:div>
    <w:div w:id="2059431111">
      <w:bodyDiv w:val="1"/>
      <w:marLeft w:val="0"/>
      <w:marRight w:val="0"/>
      <w:marTop w:val="0"/>
      <w:marBottom w:val="0"/>
      <w:divBdr>
        <w:top w:val="none" w:sz="0" w:space="0" w:color="auto"/>
        <w:left w:val="none" w:sz="0" w:space="0" w:color="auto"/>
        <w:bottom w:val="none" w:sz="0" w:space="0" w:color="auto"/>
        <w:right w:val="none" w:sz="0" w:space="0" w:color="auto"/>
      </w:divBdr>
    </w:div>
    <w:div w:id="2072800845">
      <w:bodyDiv w:val="1"/>
      <w:marLeft w:val="0"/>
      <w:marRight w:val="0"/>
      <w:marTop w:val="0"/>
      <w:marBottom w:val="0"/>
      <w:divBdr>
        <w:top w:val="none" w:sz="0" w:space="0" w:color="auto"/>
        <w:left w:val="none" w:sz="0" w:space="0" w:color="auto"/>
        <w:bottom w:val="none" w:sz="0" w:space="0" w:color="auto"/>
        <w:right w:val="none" w:sz="0" w:space="0" w:color="auto"/>
      </w:divBdr>
    </w:div>
    <w:div w:id="20866872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yperlink" Target="https://www2.deloitte.com/content/dam/Deloitte/de/Documents/Innovation/Deloitte%20TAI%20DE%20-%20Artificial%20Intelligence%20Act%20update.pdf" TargetMode="Externa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yperlink" Target="https://www2.deloitte.com/content/dam/Deloitte/de/Documents/Innovation/DELO-8505%20Trustworthy%20AI%20Robust%20and%20Reliable_KS6.pdf"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arxiv.org/abs/1805.04092" TargetMode="External"/><Relationship Id="rId5" Type="http://schemas.openxmlformats.org/officeDocument/2006/relationships/settings" Target="settings.xml"/><Relationship Id="rId15" Type="http://schemas.openxmlformats.org/officeDocument/2006/relationships/theme" Target="theme/theme1.xml"/><Relationship Id="rId10" Type="http://schemas.openxmlformats.org/officeDocument/2006/relationships/hyperlink" Target="https://github.com/tensorflow/tensorboard/tree/master/tensorboard/plugins/interactive_inference" TargetMode="External"/><Relationship Id="rId4" Type="http://schemas.openxmlformats.org/officeDocument/2006/relationships/styles" Target="styles.xml"/><Relationship Id="rId9" Type="http://schemas.openxmlformats.org/officeDocument/2006/relationships/hyperlink" Target="https://www.propublica.org/article/machine-bias-risk-assessments-in-criminal-sentencing" TargetMode="Externa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maalvarez\AppData\Local\Temp\Templafy\WordVsto\ivx0bimf.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5D6BF384-2237-4588-B1CD-EB4F9797CB39}">
  <ds:schemaRefs/>
</ds:datastoreItem>
</file>

<file path=customXml/itemProps2.xml><?xml version="1.0" encoding="utf-8"?>
<ds:datastoreItem xmlns:ds="http://schemas.openxmlformats.org/officeDocument/2006/customXml" ds:itemID="{809F134C-A4E5-4F68-B7F6-8BE809069446}">
  <ds:schemaRefs/>
</ds:datastoreItem>
</file>

<file path=docProps/app.xml><?xml version="1.0" encoding="utf-8"?>
<Properties xmlns="http://schemas.openxmlformats.org/officeDocument/2006/extended-properties" xmlns:vt="http://schemas.openxmlformats.org/officeDocument/2006/docPropsVTypes">
  <Template>ivx0bimf</Template>
  <TotalTime>2606</TotalTime>
  <Pages>4</Pages>
  <Words>1226</Words>
  <Characters>6989</Characters>
  <Application>Microsoft Office Word</Application>
  <DocSecurity>0</DocSecurity>
  <Lines>58</Lines>
  <Paragraphs>16</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81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lvarez, Manuel</dc:creator>
  <cp:keywords/>
  <dc:description/>
  <cp:lastModifiedBy>Alvarez, Manuel</cp:lastModifiedBy>
  <cp:revision>88</cp:revision>
  <dcterms:created xsi:type="dcterms:W3CDTF">2024-02-14T06:04:00Z</dcterms:created>
  <dcterms:modified xsi:type="dcterms:W3CDTF">2024-02-19T00:4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eloitteaus</vt:lpwstr>
  </property>
  <property fmtid="{D5CDD505-2E9C-101B-9397-08002B2CF9AE}" pid="3" name="TemplafyTemplateId">
    <vt:lpwstr>638013561822128410</vt:lpwstr>
  </property>
  <property fmtid="{D5CDD505-2E9C-101B-9397-08002B2CF9AE}" pid="4" name="TemplafyUserProfileId">
    <vt:lpwstr>798956748707463243</vt:lpwstr>
  </property>
  <property fmtid="{D5CDD505-2E9C-101B-9397-08002B2CF9AE}" pid="5" name="TemplafyLanguageCode">
    <vt:lpwstr>en-AU</vt:lpwstr>
  </property>
  <property fmtid="{D5CDD505-2E9C-101B-9397-08002B2CF9AE}" pid="6" name="TemplafyFromBlank">
    <vt:bool>true</vt:bool>
  </property>
  <property fmtid="{D5CDD505-2E9C-101B-9397-08002B2CF9AE}" pid="7" name="MSIP_Label_ea60d57e-af5b-4752-ac57-3e4f28ca11dc_Enabled">
    <vt:lpwstr>true</vt:lpwstr>
  </property>
  <property fmtid="{D5CDD505-2E9C-101B-9397-08002B2CF9AE}" pid="8" name="MSIP_Label_ea60d57e-af5b-4752-ac57-3e4f28ca11dc_SetDate">
    <vt:lpwstr>2024-02-14T06:04:31Z</vt:lpwstr>
  </property>
  <property fmtid="{D5CDD505-2E9C-101B-9397-08002B2CF9AE}" pid="9" name="MSIP_Label_ea60d57e-af5b-4752-ac57-3e4f28ca11dc_Method">
    <vt:lpwstr>Standard</vt:lpwstr>
  </property>
  <property fmtid="{D5CDD505-2E9C-101B-9397-08002B2CF9AE}" pid="10" name="MSIP_Label_ea60d57e-af5b-4752-ac57-3e4f28ca11dc_Name">
    <vt:lpwstr>ea60d57e-af5b-4752-ac57-3e4f28ca11dc</vt:lpwstr>
  </property>
  <property fmtid="{D5CDD505-2E9C-101B-9397-08002B2CF9AE}" pid="11" name="MSIP_Label_ea60d57e-af5b-4752-ac57-3e4f28ca11dc_SiteId">
    <vt:lpwstr>36da45f1-dd2c-4d1f-af13-5abe46b99921</vt:lpwstr>
  </property>
  <property fmtid="{D5CDD505-2E9C-101B-9397-08002B2CF9AE}" pid="12" name="MSIP_Label_ea60d57e-af5b-4752-ac57-3e4f28ca11dc_ActionId">
    <vt:lpwstr>751664ba-fc9e-41a7-b410-585f15a62c6c</vt:lpwstr>
  </property>
  <property fmtid="{D5CDD505-2E9C-101B-9397-08002B2CF9AE}" pid="13" name="MSIP_Label_ea60d57e-af5b-4752-ac57-3e4f28ca11dc_ContentBits">
    <vt:lpwstr>0</vt:lpwstr>
  </property>
</Properties>
</file>